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8445"/>
  </bookViews>
  <sheets>
    <sheet name="1" sheetId="1" r:id="rId1"/>
  </sheets>
  <externalReferences>
    <externalReference r:id="rId2"/>
  </externalReferences>
  <calcPr calcId="162913"/>
</workbook>
</file>

<file path=xl/calcChain.xml><?xml version="1.0" encoding="utf-8"?>
<calcChain xmlns="http://schemas.openxmlformats.org/spreadsheetml/2006/main">
  <c r="C13" i="1" l="1"/>
  <c r="C14" i="1"/>
  <c r="C15" i="1"/>
  <c r="C16" i="1"/>
  <c r="C17" i="1"/>
  <c r="C18" i="1"/>
  <c r="C4" i="1"/>
  <c r="C5" i="1"/>
  <c r="C6" i="1"/>
  <c r="C7" i="1"/>
  <c r="C9" i="1"/>
</calcChain>
</file>

<file path=xl/sharedStrings.xml><?xml version="1.0" encoding="utf-8"?>
<sst xmlns="http://schemas.openxmlformats.org/spreadsheetml/2006/main" count="42" uniqueCount="41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ХЛЕБ РЖАНОЙ</t>
  </si>
  <si>
    <t>Кременево</t>
  </si>
  <si>
    <t>ИТОГО</t>
  </si>
  <si>
    <t>ВСЕГО</t>
  </si>
  <si>
    <t>ХЛЕБ ПШЕНИЧНЫЙ</t>
  </si>
  <si>
    <t>МАСЛО СЛИВОЧНОЕ (ПОРЦИЯМИ)</t>
  </si>
  <si>
    <t>СЫР (ПОРЦИЯМИ)</t>
  </si>
  <si>
    <t>КАША МАННАЯ ЖИДКАЯ</t>
  </si>
  <si>
    <t>КАКАО С МОЛОКОМ</t>
  </si>
  <si>
    <t>ОВОЩИ НАТУРАЛЬНЫЕ СВЕЖИЕ</t>
  </si>
  <si>
    <t>СУП КАРТОФЕЛЬНЫЙ С БОБОВЫМИ</t>
  </si>
  <si>
    <t>ГУЛЯШ</t>
  </si>
  <si>
    <t>РИС ОТВАРНОЙ</t>
  </si>
  <si>
    <t>КОМПОТ ИЗ КУРАГИ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0" borderId="4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05,09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ge1"/>
    </sheetNames>
    <sheetDataSet>
      <sheetData sheetId="0">
        <row r="14">
          <cell r="C14" t="str">
            <v>13</v>
          </cell>
        </row>
        <row r="15">
          <cell r="C15" t="str">
            <v>14</v>
          </cell>
        </row>
        <row r="16">
          <cell r="C16" t="str">
            <v>189</v>
          </cell>
        </row>
        <row r="17">
          <cell r="C17" t="str">
            <v>433</v>
          </cell>
        </row>
        <row r="18">
          <cell r="C18" t="str">
            <v/>
          </cell>
        </row>
        <row r="21">
          <cell r="C21" t="str">
            <v>71</v>
          </cell>
        </row>
        <row r="22">
          <cell r="C22" t="str">
            <v>99</v>
          </cell>
        </row>
        <row r="23">
          <cell r="C23" t="str">
            <v>260</v>
          </cell>
        </row>
        <row r="24">
          <cell r="C24" t="str">
            <v>325</v>
          </cell>
        </row>
        <row r="25">
          <cell r="C25" t="str">
            <v>401</v>
          </cell>
        </row>
        <row r="26">
          <cell r="C26" t="str">
            <v/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1"/>
  <sheetViews>
    <sheetView showGridLines="0" showRowColHeaders="0" tabSelected="1" workbookViewId="0">
      <selection activeCell="G22" sqref="G22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">
        <v>28</v>
      </c>
      <c r="C1" s="39"/>
      <c r="D1" s="40"/>
      <c r="E1" t="s">
        <v>22</v>
      </c>
      <c r="F1" s="24"/>
      <c r="I1" t="s">
        <v>1</v>
      </c>
      <c r="J1" s="23">
        <v>45391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5</v>
      </c>
      <c r="D3" s="13" t="s">
        <v>4</v>
      </c>
      <c r="E3" s="13" t="s">
        <v>26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x14ac:dyDescent="0.25">
      <c r="A4" s="4" t="s">
        <v>10</v>
      </c>
      <c r="B4" s="5"/>
      <c r="C4" s="6" t="str">
        <f>[1]Page1!C14</f>
        <v>13</v>
      </c>
      <c r="D4" s="33" t="s">
        <v>32</v>
      </c>
      <c r="E4" s="15">
        <v>20</v>
      </c>
      <c r="F4" s="25">
        <v>13.59</v>
      </c>
      <c r="G4" s="15">
        <v>75</v>
      </c>
      <c r="H4" s="15">
        <v>0.1</v>
      </c>
      <c r="I4" s="15">
        <v>5</v>
      </c>
      <c r="J4" s="16">
        <v>0.1</v>
      </c>
    </row>
    <row r="5" spans="1:10" x14ac:dyDescent="0.25">
      <c r="A5" s="7"/>
      <c r="B5" s="1"/>
      <c r="C5" s="2" t="str">
        <f>[1]Page1!C15</f>
        <v>14</v>
      </c>
      <c r="D5" s="34" t="s">
        <v>33</v>
      </c>
      <c r="E5" s="17">
        <v>30</v>
      </c>
      <c r="F5" s="26">
        <v>20.8</v>
      </c>
      <c r="G5" s="17">
        <v>109</v>
      </c>
      <c r="H5" s="17">
        <v>4</v>
      </c>
      <c r="I5" s="17">
        <v>4</v>
      </c>
      <c r="J5" s="18">
        <v>0</v>
      </c>
    </row>
    <row r="6" spans="1:10" x14ac:dyDescent="0.25">
      <c r="A6" s="7"/>
      <c r="B6" s="1" t="s">
        <v>11</v>
      </c>
      <c r="C6" s="2" t="str">
        <f>[1]Page1!C16</f>
        <v>189</v>
      </c>
      <c r="D6" s="34" t="s">
        <v>34</v>
      </c>
      <c r="E6" s="17">
        <v>200</v>
      </c>
      <c r="F6" s="26">
        <v>14.97</v>
      </c>
      <c r="G6" s="17">
        <v>154</v>
      </c>
      <c r="H6" s="17">
        <v>4.9000000000000004</v>
      </c>
      <c r="I6" s="17">
        <v>4</v>
      </c>
      <c r="J6" s="18">
        <v>20</v>
      </c>
    </row>
    <row r="7" spans="1:10" x14ac:dyDescent="0.25">
      <c r="A7" s="7"/>
      <c r="B7" s="2" t="s">
        <v>12</v>
      </c>
      <c r="C7" s="2" t="str">
        <f>[1]Page1!C17</f>
        <v>433</v>
      </c>
      <c r="D7" s="34" t="s">
        <v>35</v>
      </c>
      <c r="E7" s="17">
        <v>250</v>
      </c>
      <c r="F7" s="26">
        <v>23.69</v>
      </c>
      <c r="G7" s="17">
        <v>211</v>
      </c>
      <c r="H7" s="17">
        <v>3</v>
      </c>
      <c r="I7" s="17">
        <v>3</v>
      </c>
      <c r="J7" s="18">
        <v>28</v>
      </c>
    </row>
    <row r="8" spans="1:10" x14ac:dyDescent="0.25">
      <c r="A8" s="7"/>
      <c r="B8" s="29" t="s">
        <v>23</v>
      </c>
      <c r="C8" s="29"/>
      <c r="D8" s="37" t="s">
        <v>31</v>
      </c>
      <c r="E8" s="30">
        <v>40</v>
      </c>
      <c r="F8" s="31">
        <v>1.95</v>
      </c>
      <c r="G8" s="30">
        <v>281</v>
      </c>
      <c r="H8" s="30">
        <v>6</v>
      </c>
      <c r="I8" s="30">
        <v>3</v>
      </c>
      <c r="J8" s="32">
        <v>35</v>
      </c>
    </row>
    <row r="9" spans="1:10" ht="15.75" thickBot="1" x14ac:dyDescent="0.3">
      <c r="A9" s="8"/>
      <c r="B9" s="9"/>
      <c r="C9" s="9" t="str">
        <f>[1]Page1!C18</f>
        <v/>
      </c>
      <c r="D9" s="35" t="s">
        <v>29</v>
      </c>
      <c r="E9" s="19"/>
      <c r="F9" s="27">
        <v>75</v>
      </c>
      <c r="G9" s="19">
        <v>830</v>
      </c>
      <c r="H9" s="19">
        <v>18</v>
      </c>
      <c r="I9" s="19">
        <v>19</v>
      </c>
      <c r="J9" s="20">
        <v>83</v>
      </c>
    </row>
    <row r="10" spans="1:10" x14ac:dyDescent="0.25">
      <c r="A10" s="4" t="s">
        <v>13</v>
      </c>
      <c r="B10" s="11" t="s">
        <v>20</v>
      </c>
      <c r="C10" s="6"/>
      <c r="D10" s="33"/>
      <c r="E10" s="15"/>
      <c r="F10" s="25"/>
      <c r="G10" s="15"/>
      <c r="H10" s="15"/>
      <c r="I10" s="15"/>
      <c r="J10" s="16"/>
    </row>
    <row r="11" spans="1:10" x14ac:dyDescent="0.25">
      <c r="A11" s="7"/>
      <c r="B11" s="2"/>
      <c r="C11" s="2"/>
      <c r="D11" s="34"/>
      <c r="E11" s="17"/>
      <c r="F11" s="26"/>
      <c r="G11" s="17"/>
      <c r="H11" s="17"/>
      <c r="I11" s="17"/>
      <c r="J11" s="18"/>
    </row>
    <row r="12" spans="1:10" ht="15.75" thickBot="1" x14ac:dyDescent="0.3">
      <c r="A12" s="8"/>
      <c r="B12" s="9"/>
      <c r="C12" s="9"/>
      <c r="D12" s="35"/>
      <c r="E12" s="19"/>
      <c r="F12" s="27"/>
      <c r="G12" s="19"/>
      <c r="H12" s="19"/>
      <c r="I12" s="19"/>
      <c r="J12" s="20"/>
    </row>
    <row r="13" spans="1:10" x14ac:dyDescent="0.25">
      <c r="A13" s="7" t="s">
        <v>14</v>
      </c>
      <c r="B13" s="10" t="s">
        <v>15</v>
      </c>
      <c r="C13" s="3" t="str">
        <f>[1]Page1!C21</f>
        <v>71</v>
      </c>
      <c r="D13" s="36" t="s">
        <v>36</v>
      </c>
      <c r="E13" s="21">
        <v>70</v>
      </c>
      <c r="F13" s="28">
        <v>3.5</v>
      </c>
      <c r="G13" s="21">
        <v>10</v>
      </c>
      <c r="H13" s="21">
        <v>0.1</v>
      </c>
      <c r="I13" s="21">
        <v>0</v>
      </c>
      <c r="J13" s="22">
        <v>1</v>
      </c>
    </row>
    <row r="14" spans="1:10" ht="15" customHeight="1" x14ac:dyDescent="0.25">
      <c r="A14" s="7"/>
      <c r="B14" s="1" t="s">
        <v>16</v>
      </c>
      <c r="C14" s="2" t="str">
        <f>[1]Page1!C22</f>
        <v>99</v>
      </c>
      <c r="D14" s="34" t="s">
        <v>37</v>
      </c>
      <c r="E14" s="17">
        <v>250</v>
      </c>
      <c r="F14" s="26">
        <v>13.85</v>
      </c>
      <c r="G14" s="17">
        <v>246</v>
      </c>
      <c r="H14" s="17">
        <v>5.9</v>
      </c>
      <c r="I14" s="17">
        <v>5.5</v>
      </c>
      <c r="J14" s="18">
        <v>18.3</v>
      </c>
    </row>
    <row r="15" spans="1:10" x14ac:dyDescent="0.25">
      <c r="A15" s="7"/>
      <c r="B15" s="1" t="s">
        <v>17</v>
      </c>
      <c r="C15" s="2" t="str">
        <f>[1]Page1!C23</f>
        <v>260</v>
      </c>
      <c r="D15" s="34" t="s">
        <v>38</v>
      </c>
      <c r="E15" s="17">
        <v>110</v>
      </c>
      <c r="F15" s="26">
        <v>28.51</v>
      </c>
      <c r="G15" s="17">
        <v>56</v>
      </c>
      <c r="H15" s="17">
        <v>0.4</v>
      </c>
      <c r="I15" s="17">
        <v>4.9000000000000004</v>
      </c>
      <c r="J15" s="18">
        <v>2.5</v>
      </c>
    </row>
    <row r="16" spans="1:10" x14ac:dyDescent="0.25">
      <c r="A16" s="7"/>
      <c r="B16" s="1" t="s">
        <v>18</v>
      </c>
      <c r="C16" s="2" t="str">
        <f>[1]Page1!C24</f>
        <v>325</v>
      </c>
      <c r="D16" s="34" t="s">
        <v>39</v>
      </c>
      <c r="E16" s="17">
        <v>180</v>
      </c>
      <c r="F16" s="26">
        <v>9.14</v>
      </c>
      <c r="G16" s="17">
        <v>231</v>
      </c>
      <c r="H16" s="17">
        <v>4.3</v>
      </c>
      <c r="I16" s="17">
        <v>3.6</v>
      </c>
      <c r="J16" s="18">
        <v>45.2</v>
      </c>
    </row>
    <row r="17" spans="1:10" x14ac:dyDescent="0.25">
      <c r="A17" s="7"/>
      <c r="B17" s="1" t="s">
        <v>19</v>
      </c>
      <c r="C17" s="2" t="str">
        <f>[1]Page1!C25</f>
        <v>401</v>
      </c>
      <c r="D17" s="34" t="s">
        <v>40</v>
      </c>
      <c r="E17" s="17">
        <v>200</v>
      </c>
      <c r="F17" s="26">
        <v>18.05</v>
      </c>
      <c r="G17" s="17">
        <v>77</v>
      </c>
      <c r="H17" s="17">
        <v>0</v>
      </c>
      <c r="I17" s="17">
        <v>0</v>
      </c>
      <c r="J17" s="18">
        <v>19.399999999999999</v>
      </c>
    </row>
    <row r="18" spans="1:10" x14ac:dyDescent="0.25">
      <c r="A18" s="7"/>
      <c r="B18" s="1" t="s">
        <v>24</v>
      </c>
      <c r="C18" s="2" t="str">
        <f>[1]Page1!C26</f>
        <v/>
      </c>
      <c r="D18" s="34"/>
      <c r="E18" s="17"/>
      <c r="F18" s="26"/>
      <c r="G18" s="17"/>
      <c r="H18" s="17"/>
      <c r="I18" s="17"/>
      <c r="J18" s="18"/>
    </row>
    <row r="19" spans="1:10" x14ac:dyDescent="0.25">
      <c r="A19" s="7"/>
      <c r="B19" s="1" t="s">
        <v>21</v>
      </c>
      <c r="C19" s="2"/>
      <c r="D19" s="34" t="s">
        <v>27</v>
      </c>
      <c r="E19" s="17">
        <v>40</v>
      </c>
      <c r="F19" s="26">
        <v>1.95</v>
      </c>
      <c r="G19" s="17">
        <v>71</v>
      </c>
      <c r="H19" s="17">
        <v>4.5999999999999996</v>
      </c>
      <c r="I19" s="17">
        <v>1</v>
      </c>
      <c r="J19" s="18">
        <v>29</v>
      </c>
    </row>
    <row r="20" spans="1:10" x14ac:dyDescent="0.25">
      <c r="A20" s="7"/>
      <c r="B20" s="29"/>
      <c r="C20" s="29"/>
      <c r="D20" s="37" t="s">
        <v>29</v>
      </c>
      <c r="E20" s="30"/>
      <c r="F20" s="31">
        <v>75</v>
      </c>
      <c r="G20" s="30">
        <v>691</v>
      </c>
      <c r="H20" s="30">
        <v>15.3</v>
      </c>
      <c r="I20" s="30">
        <v>15</v>
      </c>
      <c r="J20" s="32">
        <v>114.8</v>
      </c>
    </row>
    <row r="21" spans="1:10" ht="15.75" thickBot="1" x14ac:dyDescent="0.3">
      <c r="A21" s="8"/>
      <c r="B21" s="9"/>
      <c r="C21" s="9"/>
      <c r="D21" s="35" t="s">
        <v>30</v>
      </c>
      <c r="E21" s="19"/>
      <c r="F21" s="27">
        <v>150</v>
      </c>
      <c r="G21" s="19">
        <v>1521</v>
      </c>
      <c r="H21" s="19">
        <v>43.6</v>
      </c>
      <c r="I21" s="19">
        <v>54.1</v>
      </c>
      <c r="J21" s="20">
        <v>206.7</v>
      </c>
    </row>
  </sheetData>
  <sheetProtection sheet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4-03-25T10:40:24Z</cp:lastPrinted>
  <dcterms:created xsi:type="dcterms:W3CDTF">2015-06-05T18:19:34Z</dcterms:created>
  <dcterms:modified xsi:type="dcterms:W3CDTF">2024-04-16T12:40:49Z</dcterms:modified>
</cp:coreProperties>
</file>